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d'attribut en consultant la documentation DHIS2. Vous pouvez voir ci-dessous la case à cocher de la dimension des donnée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dimension des donnée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sélectionnée. Il faut noter que l'ordre des options de catégorie dans la colonne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de l'âge et du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